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ppt/tags/tag19.xml" ContentType="application/vnd.openxmlformats-officedocument.presentationml.tags+xml"/>
  <Override PartName="/ppt/notesSlides/notesSlide19.xml" ContentType="application/vnd.openxmlformats-officedocument.presentationml.notesSlide+xml"/>
  <Override PartName="/ppt/tags/tag20.xml" ContentType="application/vnd.openxmlformats-officedocument.presentationml.tags+xml"/>
  <Override PartName="/ppt/notesSlides/notesSlide20.xml" ContentType="application/vnd.openxmlformats-officedocument.presentationml.notesSlide+xml"/>
  <Override PartName="/ppt/tags/tag21.xml" ContentType="application/vnd.openxmlformats-officedocument.presentationml.tags+xml"/>
  <Override PartName="/ppt/notesSlides/notesSlide21.xml" ContentType="application/vnd.openxmlformats-officedocument.presentationml.notesSlide+xml"/>
  <Override PartName="/ppt/tags/tag22.xml" ContentType="application/vnd.openxmlformats-officedocument.presentationml.tags+xml"/>
  <Override PartName="/ppt/notesSlides/notesSlide22.xml" ContentType="application/vnd.openxmlformats-officedocument.presentationml.notesSlide+xml"/>
  <Override PartName="/ppt/tags/tag23.xml" ContentType="application/vnd.openxmlformats-officedocument.presentationml.tags+xml"/>
  <Override PartName="/ppt/notesSlides/notesSlide23.xml" ContentType="application/vnd.openxmlformats-officedocument.presentationml.notesSlide+xml"/>
  <Override PartName="/ppt/tags/tag24.xml" ContentType="application/vnd.openxmlformats-officedocument.presentationml.tags+xml"/>
  <Override PartName="/ppt/notesSlides/notesSlide24.xml" ContentType="application/vnd.openxmlformats-officedocument.presentationml.notesSlide+xml"/>
  <Override PartName="/ppt/tags/tag25.xml" ContentType="application/vnd.openxmlformats-officedocument.presentationml.tags+xml"/>
  <Override PartName="/ppt/notesSlides/notesSlide25.xml" ContentType="application/vnd.openxmlformats-officedocument.presentationml.notesSlide+xml"/>
  <Override PartName="/ppt/tags/tag26.xml" ContentType="application/vnd.openxmlformats-officedocument.presentationml.tags+xml"/>
  <Override PartName="/ppt/notesSlides/notesSlide26.xml" ContentType="application/vnd.openxmlformats-officedocument.presentationml.notesSlide+xml"/>
  <Override PartName="/ppt/tags/tag27.xml" ContentType="application/vnd.openxmlformats-officedocument.presentationml.tags+xml"/>
  <Override PartName="/ppt/notesSlides/notesSlide27.xml" ContentType="application/vnd.openxmlformats-officedocument.presentationml.notesSlide+xml"/>
  <Override PartName="/ppt/tags/tag28.xml" ContentType="application/vnd.openxmlformats-officedocument.presentationml.tags+xml"/>
  <Override PartName="/ppt/notesSlides/notesSlide28.xml" ContentType="application/vnd.openxmlformats-officedocument.presentationml.notesSlide+xml"/>
  <Override PartName="/ppt/tags/tag29.xml" ContentType="application/vnd.openxmlformats-officedocument.presentationml.tags+xml"/>
  <Override PartName="/ppt/notesSlides/notesSlide29.xml" ContentType="application/vnd.openxmlformats-officedocument.presentationml.notesSlide+xml"/>
  <Override PartName="/ppt/tags/tag30.xml" ContentType="application/vnd.openxmlformats-officedocument.presentationml.tags+xml"/>
  <Override PartName="/ppt/notesSlides/notesSlide30.xml" ContentType="application/vnd.openxmlformats-officedocument.presentationml.notesSlide+xml"/>
  <Override PartName="/ppt/tags/tag31.xml" ContentType="application/vnd.openxmlformats-officedocument.presentationml.tags+xml"/>
  <Override PartName="/ppt/notesSlides/notesSlide31.xml" ContentType="application/vnd.openxmlformats-officedocument.presentationml.notesSlide+xml"/>
  <Override PartName="/ppt/tags/tag32.xml" ContentType="application/vnd.openxmlformats-officedocument.presentationml.tags+xml"/>
  <Override PartName="/ppt/notesSlides/notesSlide3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4"/>
  </p:notesMasterIdLst>
  <p:handoutMasterIdLst>
    <p:handoutMasterId r:id="rId35"/>
  </p:handoutMasterIdLst>
  <p:sldIdLst>
    <p:sldId id="261" r:id="rId2"/>
    <p:sldId id="262" r:id="rId3"/>
    <p:sldId id="265" r:id="rId4"/>
    <p:sldId id="281" r:id="rId5"/>
    <p:sldId id="283" r:id="rId6"/>
    <p:sldId id="284" r:id="rId7"/>
    <p:sldId id="305" r:id="rId8"/>
    <p:sldId id="288" r:id="rId9"/>
    <p:sldId id="290" r:id="rId10"/>
    <p:sldId id="266" r:id="rId11"/>
    <p:sldId id="267" r:id="rId12"/>
    <p:sldId id="306" r:id="rId13"/>
    <p:sldId id="268" r:id="rId14"/>
    <p:sldId id="293" r:id="rId15"/>
    <p:sldId id="307" r:id="rId16"/>
    <p:sldId id="270" r:id="rId17"/>
    <p:sldId id="271" r:id="rId18"/>
    <p:sldId id="300" r:id="rId19"/>
    <p:sldId id="295" r:id="rId20"/>
    <p:sldId id="296" r:id="rId21"/>
    <p:sldId id="308" r:id="rId22"/>
    <p:sldId id="278" r:id="rId23"/>
    <p:sldId id="272" r:id="rId24"/>
    <p:sldId id="273" r:id="rId25"/>
    <p:sldId id="309" r:id="rId26"/>
    <p:sldId id="316" r:id="rId27"/>
    <p:sldId id="318" r:id="rId28"/>
    <p:sldId id="317" r:id="rId29"/>
    <p:sldId id="310" r:id="rId30"/>
    <p:sldId id="314" r:id="rId31"/>
    <p:sldId id="315" r:id="rId32"/>
    <p:sldId id="260" r:id="rId33"/>
  </p:sldIdLst>
  <p:sldSz cx="12188825" cy="6858000"/>
  <p:notesSz cx="6797675" cy="9926638"/>
  <p:embeddedFontLst>
    <p:embeddedFont>
      <p:font typeface="AU Passata" panose="020B0604020202020204" charset="0"/>
      <p:regular r:id="rId36"/>
      <p:bold r:id="rId37"/>
    </p:embeddedFont>
    <p:embeddedFont>
      <p:font typeface="AU Passata Light" panose="020B0604020202020204" charset="0"/>
      <p:regular r:id="rId38"/>
      <p:bold r:id="rId39"/>
    </p:embeddedFont>
    <p:embeddedFont>
      <p:font typeface="AU Peto" panose="020B0604020202020204" charset="0"/>
      <p:regular r:id="rId40"/>
      <p:bold r:id="rId41"/>
    </p:embeddedFont>
    <p:embeddedFont>
      <p:font typeface="Calibri" panose="020F0502020204030204" pitchFamily="34" charset="0"/>
      <p:regular r:id="rId42"/>
      <p:bold r:id="rId43"/>
      <p:italic r:id="rId44"/>
      <p:boldItalic r:id="rId45"/>
    </p:embeddedFont>
    <p:embeddedFont>
      <p:font typeface="Georgia" panose="02040502050405020303" pitchFamily="18" charset="0"/>
      <p:regular r:id="rId46"/>
      <p:bold r:id="rId47"/>
      <p:italic r:id="rId48"/>
      <p:boldItalic r:id="rId49"/>
    </p:embeddedFont>
    <p:embeddedFont>
      <p:font typeface="Segoe UI Historic" panose="020B0502040204020203" pitchFamily="34" charset="0"/>
      <p:regular r:id="rId50"/>
    </p:embeddedFont>
    <p:embeddedFont>
      <p:font typeface="Wingdings 3" panose="05040102010807070707" pitchFamily="18" charset="2"/>
      <p:regular r:id="rId5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63934" autoAdjust="0"/>
  </p:normalViewPr>
  <p:slideViewPr>
    <p:cSldViewPr snapToObjects="1" showGuides="1">
      <p:cViewPr varScale="1">
        <p:scale>
          <a:sx n="57" d="100"/>
          <a:sy n="57" d="100"/>
        </p:scale>
        <p:origin x="1764" y="7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4.fntdata"/><Relationship Id="rId21" Type="http://schemas.openxmlformats.org/officeDocument/2006/relationships/slide" Target="slides/slide20.xml"/><Relationship Id="rId34" Type="http://schemas.openxmlformats.org/officeDocument/2006/relationships/notesMaster" Target="notesMasters/notesMaster1.xml"/><Relationship Id="rId42" Type="http://schemas.openxmlformats.org/officeDocument/2006/relationships/font" Target="fonts/font7.fntdata"/><Relationship Id="rId47" Type="http://schemas.openxmlformats.org/officeDocument/2006/relationships/font" Target="fonts/font12.fntdata"/><Relationship Id="rId50" Type="http://schemas.openxmlformats.org/officeDocument/2006/relationships/font" Target="fonts/font15.fntdata"/><Relationship Id="rId55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font" Target="fonts/font3.fntdata"/><Relationship Id="rId46" Type="http://schemas.openxmlformats.org/officeDocument/2006/relationships/font" Target="fonts/font11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font" Target="fonts/font6.fntdata"/><Relationship Id="rId54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2.fntdata"/><Relationship Id="rId40" Type="http://schemas.openxmlformats.org/officeDocument/2006/relationships/font" Target="fonts/font5.fntdata"/><Relationship Id="rId45" Type="http://schemas.openxmlformats.org/officeDocument/2006/relationships/font" Target="fonts/font10.fntdata"/><Relationship Id="rId53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1.fntdata"/><Relationship Id="rId49" Type="http://schemas.openxmlformats.org/officeDocument/2006/relationships/font" Target="fonts/font14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9.fntdata"/><Relationship Id="rId52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handoutMaster" Target="handoutMasters/handoutMaster1.xml"/><Relationship Id="rId43" Type="http://schemas.openxmlformats.org/officeDocument/2006/relationships/font" Target="fonts/font8.fntdata"/><Relationship Id="rId48" Type="http://schemas.openxmlformats.org/officeDocument/2006/relationships/font" Target="fonts/font13.fntdata"/><Relationship Id="rId8" Type="http://schemas.openxmlformats.org/officeDocument/2006/relationships/slide" Target="slides/slide7.xml"/><Relationship Id="rId51" Type="http://schemas.openxmlformats.org/officeDocument/2006/relationships/font" Target="fonts/font16.fntdata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Don’t move compu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peak slowl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300236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undamental role in project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315688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ataset 1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Roughly 45000 entrie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Scraped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latin typeface="+mj-lt"/>
              </a:rPr>
              <a:t>2015-2017</a:t>
            </a: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Dataset 2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Roughly 300 entrie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Carefully selected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2016-2017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Both used in previous research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586300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 err="1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Datasat</a:t>
            </a: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 1 supposedly cleaned, as stated by Victoria University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Systematic patterns, unrelated to articles</a:t>
            </a:r>
            <a:endParaRPr lang="da-DK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218158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ssess generalizability across dataset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Train 2 models on two different datasets and cross-tes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79317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Fine-tuned BERT Base Uncased (from </a:t>
            </a:r>
            <a:r>
              <a:rPr lang="en-GB" dirty="0" err="1"/>
              <a:t>HuggingFace</a:t>
            </a:r>
            <a:r>
              <a:rPr lang="en-GB" dirty="0"/>
              <a:t>), for classification of Fake/Real News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143667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Poor generalizability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= large drop in performance across datasets = model is overfitting to the specific dataset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Confounding factor -&gt; Dataset 1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F1-score = 1 -&gt; Alarming – especially since we only ran 3 epoch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We optimized performance for the validation set. This is test-set performance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Data quality: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Type of Fake News? These entries contain many abbreviations, misspellings, slang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Seems scraped.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Information Security and Object Technology, states that it has already been cleaned, surprising to us, when we inspected the data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BUT -&gt; Something we missed in cleaning? Possibly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Don’t read too much into these result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It is concerning that Ahmed et al., published two papers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Dataset 2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0.80 reasonabl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Large drop in performance -&gt; this model more trustworthy result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Smaller dataset, higher quality. Quantity is not the only thing that matters.</a:t>
            </a:r>
          </a:p>
          <a:p>
            <a:pPr marL="609493" lvl="1" indent="0">
              <a:buFont typeface="Arial" panose="020B0604020202020204" pitchFamily="34" charset="0"/>
              <a:buNone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Despite confounds -&gt; Models generalize poorly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Data from published research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-&gt; Suggests problem for not only our models, but also for the field? Mayb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This could be accommodated by 2 factors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1) Assess generalizability of models (cross-test) - Know predictive capabilities in real-world settings.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Open science (sharing scripts and datasets)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2) Data awareness/scepticism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Be wary of dataset quality (avoid unrelated systematic patterns)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Definition of Fake News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r>
              <a:rPr lang="en-GB" dirty="0"/>
              <a:t>Universally accepted</a:t>
            </a:r>
          </a:p>
          <a:p>
            <a:pPr marL="2723723" lvl="4" indent="-285750">
              <a:buFont typeface="Arial" panose="020B0604020202020204" pitchFamily="34" charset="0"/>
              <a:buChar char="•"/>
            </a:pPr>
            <a:r>
              <a:rPr lang="en-GB" dirty="0"/>
              <a:t>Allows for sharing and expanding datasets</a:t>
            </a:r>
          </a:p>
          <a:p>
            <a:pPr marL="2723723" lvl="4" indent="-285750">
              <a:buFont typeface="Arial" panose="020B0604020202020204" pitchFamily="34" charset="0"/>
              <a:buChar char="•"/>
            </a:pPr>
            <a:r>
              <a:rPr lang="en-US" dirty="0"/>
              <a:t>Models would generalize if there was agreement on what we’re classifying?  E.g. should satirical fake news be included? They were initially included in dataset 2</a:t>
            </a:r>
            <a:endParaRPr lang="en-GB" dirty="0"/>
          </a:p>
          <a:p>
            <a:pPr marL="2114230" lvl="3" indent="-285750">
              <a:buFont typeface="Arial" panose="020B0604020202020204" pitchFamily="34" charset="0"/>
              <a:buChar char="•"/>
            </a:pPr>
            <a:r>
              <a:rPr lang="en-GB" dirty="0"/>
              <a:t>Practically applicable:</a:t>
            </a:r>
          </a:p>
          <a:p>
            <a:pPr marL="2723723" lvl="4" indent="-285750">
              <a:buFont typeface="Arial" panose="020B0604020202020204" pitchFamily="34" charset="0"/>
              <a:buChar char="•"/>
            </a:pPr>
            <a:r>
              <a:rPr lang="en-GB" dirty="0"/>
              <a:t>Steadfast rules for coding whether news articles were Fake or Real. </a:t>
            </a:r>
          </a:p>
          <a:p>
            <a:pPr marL="2723723" lvl="4" indent="-285750">
              <a:buFont typeface="Arial" panose="020B0604020202020204" pitchFamily="34" charset="0"/>
              <a:buChar char="•"/>
            </a:pPr>
            <a:r>
              <a:rPr lang="en-GB" dirty="0"/>
              <a:t>Johan and I sometimes in doubt.</a:t>
            </a:r>
          </a:p>
          <a:p>
            <a:pPr marL="2723723" lvl="4" indent="-285750">
              <a:buFont typeface="Arial" panose="020B0604020202020204" pitchFamily="34" charset="0"/>
              <a:buChar char="•"/>
            </a:pPr>
            <a:r>
              <a:rPr lang="en-US" dirty="0"/>
              <a:t>Streamline datasets for expanding or sharing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7168198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nalysis 2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dirty="0"/>
              <a:t>More exploratory in natur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To assess temporal generalizability problems -&gt; better to include BERT models for time period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More direct, but we also wanted a bit of a challenge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8278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Split data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Not just ordering by date, and splitting with equal number of entries in each period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Rather ordered by date, split by dat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237942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Trained </a:t>
            </a:r>
            <a:r>
              <a:rPr lang="en-GB" dirty="0" err="1"/>
              <a:t>fastText</a:t>
            </a:r>
            <a:r>
              <a:rPr lang="en-GB" dirty="0"/>
              <a:t> </a:t>
            </a:r>
            <a:r>
              <a:rPr lang="en-GB" dirty="0" err="1"/>
              <a:t>skipgram</a:t>
            </a:r>
            <a:r>
              <a:rPr lang="en-GB" dirty="0"/>
              <a:t> model on each period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871682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Resulting in a vector representation for each word for each time period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261375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15000"/>
              </a:lnSpc>
              <a:spcBef>
                <a:spcPct val="30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/>
              <a:t>Johan </a:t>
            </a:r>
            <a:r>
              <a:rPr lang="en-US" sz="1800" dirty="0" err="1"/>
              <a:t>Horsmans</a:t>
            </a:r>
            <a:endParaRPr lang="en-US" sz="1800" dirty="0"/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Feel free to interrupt me if you have any questions.</a:t>
            </a:r>
            <a:endParaRPr lang="da-DK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939287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Nouns with largest semantic shift between </a:t>
            </a:r>
            <a:r>
              <a:rPr lang="en-GB" b="1" dirty="0"/>
              <a:t>Period 1 and 5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b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5439102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Semantic shift -&gt; Distance in word embedding spac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0.8 means large (some studies suggest, but arbitrary cut-off).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After submitting our synopsis, we, moreover, found some more problems which I might go into later, regarding the use of cosine distances, and comparing vector representations across different embedding spaces. 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But only if we have the time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5735013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i="0" dirty="0"/>
              <a:t>Explain graph -&gt;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i="0" dirty="0"/>
              <a:t>Syria in beginning,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i="0" dirty="0"/>
              <a:t>Meddle + Collude in end (US election)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GB" i="1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+mj-lt"/>
              </a:rPr>
              <a:t>Illustrates</a:t>
            </a:r>
            <a:r>
              <a:rPr lang="en-US" sz="1800" b="0" i="0" u="none" strike="noStrike" baseline="0" dirty="0">
                <a:latin typeface="SFRM1000"/>
              </a:rPr>
              <a:t> how non-</a:t>
            </a:r>
            <a:r>
              <a:rPr lang="en-US" sz="1800" b="0" i="0" u="none" strike="noStrike" baseline="0" dirty="0" err="1">
                <a:latin typeface="SFRM1000"/>
              </a:rPr>
              <a:t>staticity</a:t>
            </a:r>
            <a:r>
              <a:rPr lang="en-US" sz="1800" b="0" i="0" u="none" strike="noStrike" baseline="0" dirty="0">
                <a:latin typeface="SFRM1000"/>
              </a:rPr>
              <a:t> interferes with building word-embedding representations that are reliable and generalizable across time periods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This, in turn, also means that building a model for classification on some dataset from a given period, would not necessarily make the model generalizable to future datasets.</a:t>
            </a:r>
            <a:endParaRPr lang="en-GB" sz="1800" b="0" i="0" u="none" strike="noStrike" baseline="0" dirty="0">
              <a:latin typeface="SFRM100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Hypothetically, given a large enough dataset that spans enough time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Not impossible that a model might learn more general patterns, that are unrelated to time-specific topics of new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However, not feasible since it requires large datasets spanning a large timeframe. -&gt; Right now, hardly any publicly available data (the large dataset was bad quality, and the small was very small).</a:t>
            </a: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Instead, if we want to practically implement these models, we, therefore, need to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Continually update or retrain models with newest data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sz="1800" b="0" i="0" u="none" strike="noStrike" baseline="0" dirty="0">
              <a:latin typeface="SFRM100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However; these results should be taken with a grain of salt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We handpicked words with most drastic changes in semantics (embedding space). Thus not scientifically rigorous practice -&gt; prove a point.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b="0" i="0" u="none" strike="noStrike" baseline="0" dirty="0">
              <a:latin typeface="SFRM100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4350992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ncluding remark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180620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1</a:t>
            </a:r>
            <a:r>
              <a:rPr lang="en-GB" baseline="30000" dirty="0"/>
              <a:t>st</a:t>
            </a:r>
            <a:r>
              <a:rPr lang="en-GB" dirty="0"/>
              <a:t> analysis: Models generalize poorly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Data from published research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-&gt; Suggests problem for not only our models, but also for the field? Bad data quality of dataset 1 Maybe</a:t>
            </a:r>
          </a:p>
          <a:p>
            <a:pPr marL="1218987" lvl="2" indent="0">
              <a:buFont typeface="Arial" panose="020B0604020202020204" pitchFamily="34" charset="0"/>
              <a:buNone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2</a:t>
            </a:r>
            <a:r>
              <a:rPr lang="en-GB" baseline="30000" dirty="0"/>
              <a:t>nd</a:t>
            </a:r>
            <a:r>
              <a:rPr lang="en-GB" dirty="0"/>
              <a:t> analysis: Illustrated that the task is non-static. Word embeddings change over time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It should be noted that the particular changes that we showcased were handpicked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Finally, from both analyses it is apparent that data awareness is important.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1) Low generalizability issues stems from training on non-representative data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2) Be aware of </a:t>
            </a:r>
            <a:r>
              <a:rPr lang="en-GB" dirty="0" err="1"/>
              <a:t>daterange</a:t>
            </a:r>
            <a:r>
              <a:rPr lang="en-GB" dirty="0"/>
              <a:t> of data, as the task is non-static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2) Be aware of quality -&gt; F1-score of 1 rings alarm bell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3) Data is different across datasets -&gt; No clear definition of how to gather Fake News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6852373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ame to realize problem not mentioned in synopsi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981509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3 problematic factors that I only thought of after finishing our project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SFRM1000"/>
              </a:rPr>
              <a:t>1</a:t>
            </a:r>
            <a:r>
              <a:rPr lang="en-US" sz="1600" b="0" i="0" u="none" strike="noStrike" baseline="30000" dirty="0">
                <a:latin typeface="SFRM1000"/>
              </a:rPr>
              <a:t>st</a:t>
            </a:r>
            <a:r>
              <a:rPr lang="en-US" sz="1600" b="0" i="0" u="none" strike="noStrike" baseline="0" dirty="0">
                <a:latin typeface="SFRM1000"/>
              </a:rPr>
              <a:t> 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SFRM1000"/>
              </a:rPr>
              <a:t>Even if we had sampled Fake News and real news randomly from within the same period 5 times. And then had trained 5 models on these 5 datasets, then we would likely ALSO have seen semantic shifts as well as changes in nearest </a:t>
            </a:r>
            <a:r>
              <a:rPr lang="en-US" sz="1600" b="0" i="0" u="none" strike="noStrike" baseline="0" dirty="0" err="1">
                <a:latin typeface="SFRM1000"/>
              </a:rPr>
              <a:t>neighbours</a:t>
            </a:r>
            <a:r>
              <a:rPr lang="en-US" sz="1600" b="0" i="0" u="none" strike="noStrike" baseline="0" dirty="0">
                <a:latin typeface="SFRM1000"/>
              </a:rPr>
              <a:t> for the word </a:t>
            </a:r>
            <a:r>
              <a:rPr lang="en-US" sz="1600" b="0" i="1" u="none" strike="noStrike" baseline="0" dirty="0">
                <a:latin typeface="SFRM1000"/>
              </a:rPr>
              <a:t>Russia</a:t>
            </a:r>
            <a:r>
              <a:rPr lang="en-US" sz="1600" b="0" i="0" u="none" strike="noStrike" baseline="0" dirty="0">
                <a:latin typeface="SFRM1000"/>
              </a:rPr>
              <a:t>. Just because the data is different.</a:t>
            </a:r>
          </a:p>
          <a:p>
            <a:pPr marL="1218987" marR="0" lvl="2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2</a:t>
            </a:r>
            <a:r>
              <a:rPr lang="en-GB" baseline="30000" dirty="0"/>
              <a:t>nd</a:t>
            </a:r>
            <a:r>
              <a:rPr lang="en-GB" dirty="0"/>
              <a:t> problem relates to using cosine distanc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440244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e based our analysis on the fact that distances in embedding space represent semantic similarity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*Explain*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-&gt; Russia is semantically similar to Syria, and dissimilar to Couch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5573758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e could also have seen something like this (Right Plot)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Here, the Euclidean distances between words is identical between time first and last time period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But the Cosine Distances are widely differen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*Explain*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This has implications on both which words we found to most dissimilar, but also to which words are the nearest neighbour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e would perhaps be more interested in Euclidean distances, and not Cosine distances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63698113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Another problematic factor for our analysis relates to comparing vector representations of words, across different word embedding spaces: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607761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6039122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hat we did (example only 1 word, only 2 dimensions for simplicity)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Computed cosine distance -&gt; as distances in word embedding space relates to semantic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BUT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They are not found in the same embedding space, which means distances between embeddings spaces cannot necessarily be interpreted as semantic distance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We could have the following example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7646072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Here, our analysis would have perceived to have changed A LOT!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But, the relative distances between Russia and other words remain the same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Meaning -&gt; Russia would not have changed, semantically, but would appear to, in our analysi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79530826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600" b="1" dirty="0" err="1">
                <a:latin typeface="AU Passata Light" panose="020B0604020202020204" charset="0"/>
              </a:rPr>
              <a:t>Forstå</a:t>
            </a:r>
            <a:r>
              <a:rPr lang="en-US" sz="1600" b="1" dirty="0">
                <a:latin typeface="AU Passata Light" panose="020B0604020202020204" charset="0"/>
              </a:rPr>
              <a:t> </a:t>
            </a:r>
            <a:r>
              <a:rPr lang="en-US" sz="1600" b="1" dirty="0" err="1">
                <a:latin typeface="AU Passata Light" panose="020B0604020202020204" charset="0"/>
              </a:rPr>
              <a:t>og</a:t>
            </a:r>
            <a:r>
              <a:rPr lang="en-US" sz="1600" b="1" dirty="0">
                <a:latin typeface="AU Passata Light" panose="020B0604020202020204" charset="0"/>
              </a:rPr>
              <a:t> </a:t>
            </a:r>
            <a:r>
              <a:rPr lang="en-US" sz="1600" b="1" dirty="0" err="1">
                <a:latin typeface="AU Passata Light" panose="020B0604020202020204" charset="0"/>
              </a:rPr>
              <a:t>lav</a:t>
            </a:r>
            <a:r>
              <a:rPr lang="en-US" sz="1600" b="1" dirty="0">
                <a:latin typeface="AU Passata Light" panose="020B0604020202020204" charset="0"/>
              </a:rPr>
              <a:t> slides </a:t>
            </a:r>
            <a:r>
              <a:rPr lang="en-US" sz="1600" b="1" dirty="0" err="1">
                <a:latin typeface="AU Passata Light" panose="020B0604020202020204" charset="0"/>
              </a:rPr>
              <a:t>på</a:t>
            </a:r>
            <a:r>
              <a:rPr lang="en-US" sz="1600" b="1" dirty="0">
                <a:latin typeface="AU Passata Light" panose="020B0604020202020204" charset="0"/>
              </a:rPr>
              <a:t>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Læs op på: fastText og word embeddings, og fokusér/inkludér på dét til det ekstra (if time).</a:t>
            </a:r>
            <a:endParaRPr lang="en-US" sz="1600" b="1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600" b="1" dirty="0">
                <a:latin typeface="AU Passata Light" panose="020B0604020202020204" charset="0"/>
              </a:rPr>
              <a:t>Hyperparameters, Analysis 1 (</a:t>
            </a:r>
            <a:r>
              <a:rPr lang="en-US" sz="1600" b="1" dirty="0" err="1">
                <a:latin typeface="AU Passata Light" panose="020B0604020202020204" charset="0"/>
              </a:rPr>
              <a:t>eller</a:t>
            </a:r>
            <a:r>
              <a:rPr lang="en-US" sz="1600" b="1" dirty="0">
                <a:latin typeface="AU Passata Light" panose="020B0604020202020204" charset="0"/>
              </a:rPr>
              <a:t> bare </a:t>
            </a:r>
            <a:r>
              <a:rPr lang="en-US" sz="1600" b="1" dirty="0" err="1">
                <a:latin typeface="AU Passata Light" panose="020B0604020202020204" charset="0"/>
              </a:rPr>
              <a:t>generelt</a:t>
            </a:r>
            <a:r>
              <a:rPr lang="en-US" sz="1600" b="1" dirty="0">
                <a:latin typeface="AU Passata Light" panose="020B0604020202020204" charset="0"/>
              </a:rPr>
              <a:t> </a:t>
            </a:r>
            <a:r>
              <a:rPr lang="en-US" sz="1600" b="1" dirty="0" err="1">
                <a:latin typeface="AU Passata Light" panose="020B0604020202020204" charset="0"/>
              </a:rPr>
              <a:t>hvordan</a:t>
            </a:r>
            <a:r>
              <a:rPr lang="en-US" sz="1600" b="1" dirty="0">
                <a:latin typeface="AU Passata Light" panose="020B0604020202020204" charset="0"/>
              </a:rPr>
              <a:t> det </a:t>
            </a:r>
            <a:r>
              <a:rPr lang="en-US" sz="1600" b="1" dirty="0" err="1">
                <a:latin typeface="AU Passata Light" panose="020B0604020202020204" charset="0"/>
              </a:rPr>
              <a:t>fungerer</a:t>
            </a:r>
            <a:r>
              <a:rPr lang="en-US" sz="1600" b="1" dirty="0">
                <a:latin typeface="AU Passata Light" panose="020B0604020202020204" charset="0"/>
              </a:rPr>
              <a:t> I store </a:t>
            </a:r>
            <a:r>
              <a:rPr lang="en-US" sz="1600" b="1" dirty="0" err="1">
                <a:latin typeface="AU Passata Light" panose="020B0604020202020204" charset="0"/>
              </a:rPr>
              <a:t>træk</a:t>
            </a:r>
            <a:r>
              <a:rPr lang="en-US" sz="1600" b="1" dirty="0">
                <a:latin typeface="AU Passata Light" panose="020B0604020202020204" charset="0"/>
              </a:rPr>
              <a:t>)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600" b="1" dirty="0" err="1">
                <a:latin typeface="AU Passata Light" panose="020B0604020202020204" charset="0"/>
              </a:rPr>
              <a:t>Lav</a:t>
            </a:r>
            <a:r>
              <a:rPr lang="en-US" sz="1600" b="1" dirty="0">
                <a:latin typeface="AU Passata Light" panose="020B0604020202020204" charset="0"/>
              </a:rPr>
              <a:t> </a:t>
            </a:r>
            <a:r>
              <a:rPr lang="en-US" sz="1600" b="1" dirty="0" err="1">
                <a:latin typeface="AU Passata Light" panose="020B0604020202020204" charset="0"/>
              </a:rPr>
              <a:t>ekstra</a:t>
            </a:r>
            <a:r>
              <a:rPr lang="en-US" sz="1600" b="1" dirty="0">
                <a:latin typeface="AU Passata Light" panose="020B0604020202020204" charset="0"/>
              </a:rPr>
              <a:t> slides </a:t>
            </a:r>
            <a:r>
              <a:rPr lang="en-US" sz="1600" b="1" dirty="0" err="1">
                <a:latin typeface="AU Passata Light" panose="020B0604020202020204" charset="0"/>
              </a:rPr>
              <a:t>på</a:t>
            </a:r>
            <a:r>
              <a:rPr lang="en-US" sz="1600" b="1" dirty="0">
                <a:latin typeface="AU Passata Light" panose="020B0604020202020204" charset="0"/>
              </a:rPr>
              <a:t> word embeddings (</a:t>
            </a:r>
            <a:r>
              <a:rPr lang="en-US" sz="1600" b="1" dirty="0" err="1">
                <a:latin typeface="AU Passata Light" panose="020B0604020202020204" charset="0"/>
              </a:rPr>
              <a:t>eller</a:t>
            </a:r>
            <a:r>
              <a:rPr lang="en-US" sz="1600" b="1" dirty="0">
                <a:latin typeface="AU Passata Light" panose="020B0604020202020204" charset="0"/>
              </a:rPr>
              <a:t> </a:t>
            </a:r>
            <a:r>
              <a:rPr lang="en-US" sz="1600" b="1" dirty="0" err="1">
                <a:latin typeface="AU Passata Light" panose="020B0604020202020204" charset="0"/>
              </a:rPr>
              <a:t>andet</a:t>
            </a:r>
            <a:r>
              <a:rPr lang="en-US" sz="1600" b="1" dirty="0">
                <a:latin typeface="AU Passata Light" panose="020B0604020202020204" charset="0"/>
              </a:rPr>
              <a:t>(!)) – </a:t>
            </a:r>
            <a:r>
              <a:rPr lang="en-US" sz="1600" b="1" dirty="0" err="1">
                <a:latin typeface="AU Passata Light" panose="020B0604020202020204" charset="0"/>
              </a:rPr>
              <a:t>læs</a:t>
            </a:r>
            <a:r>
              <a:rPr lang="en-US" sz="1600" b="1" dirty="0">
                <a:latin typeface="AU Passata Light" panose="020B0604020202020204" charset="0"/>
              </a:rPr>
              <a:t> </a:t>
            </a:r>
            <a:r>
              <a:rPr lang="en-US" sz="1600" b="1" dirty="0" err="1">
                <a:latin typeface="AU Passata Light" panose="020B0604020202020204" charset="0"/>
              </a:rPr>
              <a:t>godt</a:t>
            </a:r>
            <a:r>
              <a:rPr lang="en-US" sz="1600" b="1" dirty="0">
                <a:latin typeface="AU Passata Light" panose="020B0604020202020204" charset="0"/>
              </a:rPr>
              <a:t> op </a:t>
            </a:r>
            <a:r>
              <a:rPr lang="en-US" sz="1600" b="1" dirty="0" err="1">
                <a:latin typeface="AU Passata Light" panose="020B0604020202020204" charset="0"/>
              </a:rPr>
              <a:t>på</a:t>
            </a:r>
            <a:r>
              <a:rPr lang="en-US" sz="1600" b="1" dirty="0">
                <a:latin typeface="AU Passata Light" panose="020B0604020202020204" charset="0"/>
              </a:rPr>
              <a:t> det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600" b="1" dirty="0" err="1">
                <a:latin typeface="AU Passata Light" panose="020B0604020202020204" charset="0"/>
              </a:rPr>
              <a:t>Skriv</a:t>
            </a:r>
            <a:r>
              <a:rPr lang="en-US" sz="1600" b="1" dirty="0">
                <a:latin typeface="AU Passata Light" panose="020B0604020202020204" charset="0"/>
              </a:rPr>
              <a:t> </a:t>
            </a:r>
            <a:r>
              <a:rPr lang="en-US" sz="1600" b="1" dirty="0" err="1">
                <a:latin typeface="AU Passata Light" panose="020B0604020202020204" charset="0"/>
              </a:rPr>
              <a:t>flere</a:t>
            </a:r>
            <a:r>
              <a:rPr lang="en-US" sz="1600" b="1" dirty="0">
                <a:latin typeface="AU Passata Light" panose="020B0604020202020204" charset="0"/>
              </a:rPr>
              <a:t> ting </a:t>
            </a:r>
            <a:r>
              <a:rPr lang="en-US" sz="1600" b="1" dirty="0" err="1">
                <a:latin typeface="AU Passata Light" panose="020B0604020202020204" charset="0"/>
              </a:rPr>
              <a:t>på</a:t>
            </a:r>
            <a:r>
              <a:rPr lang="en-US" sz="1600" b="1" dirty="0">
                <a:latin typeface="AU Passata Light" panose="020B0604020202020204" charset="0"/>
              </a:rPr>
              <a:t>, </a:t>
            </a:r>
            <a:r>
              <a:rPr lang="en-US" sz="1600" b="1" dirty="0" err="1">
                <a:latin typeface="AU Passata Light" panose="020B0604020202020204" charset="0"/>
              </a:rPr>
              <a:t>indtil</a:t>
            </a:r>
            <a:r>
              <a:rPr lang="en-US" sz="1600" b="1" dirty="0">
                <a:latin typeface="AU Passata Light" panose="020B0604020202020204" charset="0"/>
              </a:rPr>
              <a:t> </a:t>
            </a:r>
            <a:r>
              <a:rPr lang="en-US" sz="1600" b="1" dirty="0" err="1">
                <a:latin typeface="AU Passata Light" panose="020B0604020202020204" charset="0"/>
              </a:rPr>
              <a:t>præsentationen</a:t>
            </a:r>
            <a:r>
              <a:rPr lang="en-US" sz="1600" b="1" dirty="0">
                <a:latin typeface="AU Passata Light" panose="020B0604020202020204" charset="0"/>
              </a:rPr>
              <a:t> er ca. 11-12 </a:t>
            </a:r>
            <a:r>
              <a:rPr lang="en-US" sz="1600" b="1" dirty="0" err="1">
                <a:latin typeface="AU Passata Light" panose="020B0604020202020204" charset="0"/>
              </a:rPr>
              <a:t>minutter</a:t>
            </a:r>
            <a:r>
              <a:rPr lang="en-US" sz="1600" b="1" dirty="0">
                <a:latin typeface="AU Passata Light" panose="020B0604020202020204" charset="0"/>
              </a:rPr>
              <a:t>.</a:t>
            </a:r>
          </a:p>
          <a:p>
            <a:pPr marL="609493" lvl="1" indent="0">
              <a:buFont typeface="Arial" panose="020B0604020202020204" pitchFamily="34" charset="0"/>
              <a:buNone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Confounds of word embedding analysis:</a:t>
            </a:r>
            <a:endParaRPr lang="en-US" sz="1600" b="0" i="0" u="none" strike="noStrike" baseline="0" dirty="0">
              <a:latin typeface="SFRM1000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SFRM1000"/>
              </a:rPr>
              <a:t>Not mentioned in synopsis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SFRM1000"/>
              </a:rPr>
              <a:t>Even if we had sampled Fake News and real news randomly from within the same period 5 times. And then had trained 5 models on these 5 datasets, then we would likely ALSO have seen semantic shifts as well as changes in nearest </a:t>
            </a:r>
            <a:r>
              <a:rPr lang="en-US" sz="1600" b="0" i="0" u="none" strike="noStrike" baseline="0" dirty="0" err="1">
                <a:latin typeface="SFRM1000"/>
              </a:rPr>
              <a:t>neighbours</a:t>
            </a:r>
            <a:r>
              <a:rPr lang="en-US" sz="1600" b="0" i="0" u="none" strike="noStrike" baseline="0" dirty="0">
                <a:latin typeface="SFRM1000"/>
              </a:rPr>
              <a:t> for the word </a:t>
            </a:r>
            <a:r>
              <a:rPr lang="en-US" sz="1600" b="0" i="1" u="none" strike="noStrike" baseline="0" dirty="0">
                <a:latin typeface="SFRM1000"/>
              </a:rPr>
              <a:t>Russia</a:t>
            </a:r>
            <a:r>
              <a:rPr lang="en-US" sz="1600" b="0" i="0" u="none" strike="noStrike" baseline="0" dirty="0">
                <a:latin typeface="SFRM1000"/>
              </a:rPr>
              <a:t>.</a:t>
            </a: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hy use Macro F1-score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*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Should’ve included classification matrix</a:t>
            </a:r>
          </a:p>
          <a:p>
            <a:pPr marL="0" lvl="0" indent="0">
              <a:buFont typeface="Arial" panose="020B0604020202020204" pitchFamily="34" charset="0"/>
              <a:buNone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Distance metric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Other distance metrics could have been utilized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Cosine distanc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Euclidean distance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Cosine distance and Euclidean distance are widely different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Use paper and draw (in advance): ?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-0.1,-0.1. vs. 0.1, 0.1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and 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1000000000, 1000000000 vs. 1, 1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Which metric is best? 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Different uses, BUT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Perhaps Euclidean distance would have been better for this task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 err="1"/>
              <a:t>Preprocessing</a:t>
            </a:r>
            <a:endParaRPr lang="en-GB" dirty="0"/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Tokenization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y whitespace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How did our method used handle “</a:t>
            </a:r>
            <a:r>
              <a:rPr lang="en-GB" i="1" dirty="0"/>
              <a:t>it’s</a:t>
            </a:r>
            <a:r>
              <a:rPr lang="en-GB" dirty="0"/>
              <a:t>”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???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 err="1">
                <a:latin typeface="+mj-lt"/>
              </a:rPr>
              <a:t>Stopword</a:t>
            </a:r>
            <a:r>
              <a:rPr lang="en-US" sz="1600" dirty="0">
                <a:latin typeface="+mj-lt"/>
              </a:rPr>
              <a:t> removal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800" dirty="0">
                <a:effectLst/>
                <a:latin typeface="Calibri" panose="020F0502020204030204" pitchFamily="34" charset="0"/>
              </a:rPr>
              <a:t>Removal of frequent, but information-low words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800" dirty="0">
                <a:effectLst/>
                <a:latin typeface="Calibri" panose="020F0502020204030204" pitchFamily="34" charset="0"/>
              </a:rPr>
              <a:t>Reduces noise and lowers computational power needed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600" dirty="0">
              <a:latin typeface="+mj-lt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600" dirty="0">
              <a:latin typeface="+mj-lt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Lemmatization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Lemmatization -&gt; Grouping together inflected forms of the same word, into the </a:t>
            </a:r>
            <a:r>
              <a:rPr lang="en-US" sz="1600" i="1" dirty="0">
                <a:latin typeface="+mj-lt"/>
              </a:rPr>
              <a:t>lemma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What is a lemma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Semantic nucleus of a word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Infinitive for verbs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Singular form for nouns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How is lemmatization carried out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Two methods:</a:t>
            </a:r>
          </a:p>
          <a:p>
            <a:pPr marL="2723723" marR="0" lvl="4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Look-up table</a:t>
            </a:r>
          </a:p>
          <a:p>
            <a:pPr marL="2723723" marR="0" lvl="4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Morphology based approach (word internal structure to predict lemma, requires trained model)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Which lemmatization method did we use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????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600" dirty="0">
              <a:latin typeface="+mj-lt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What other preprocessing steps could have been utilized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Instead of lemmatization, we could have used stemming: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Similar to lemmatization, but simpler (and not necessarily humanly interpretable):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800" i="1" dirty="0">
                <a:effectLst/>
                <a:latin typeface="Calibri" panose="020F0502020204030204" pitchFamily="34" charset="0"/>
              </a:rPr>
              <a:t>Argue, argued, argues, arguing, </a:t>
            </a:r>
            <a:r>
              <a:rPr lang="da-DK" sz="1800" dirty="0">
                <a:effectLst/>
                <a:latin typeface="Calibri" panose="020F0502020204030204" pitchFamily="34" charset="0"/>
              </a:rPr>
              <a:t>and </a:t>
            </a:r>
            <a:r>
              <a:rPr lang="da-DK" sz="1800" i="1" dirty="0">
                <a:effectLst/>
                <a:latin typeface="Calibri" panose="020F0502020204030204" pitchFamily="34" charset="0"/>
              </a:rPr>
              <a:t>argus </a:t>
            </a:r>
            <a:r>
              <a:rPr lang="da-DK" sz="1800" dirty="0">
                <a:effectLst/>
                <a:latin typeface="Calibri" panose="020F0502020204030204" pitchFamily="34" charset="0"/>
              </a:rPr>
              <a:t>- &gt; stem = </a:t>
            </a:r>
            <a:r>
              <a:rPr lang="da-DK" sz="1800" b="1" dirty="0">
                <a:effectLst/>
                <a:latin typeface="Calibri" panose="020F0502020204030204" pitchFamily="34" charset="0"/>
              </a:rPr>
              <a:t>argu</a:t>
            </a:r>
            <a:endParaRPr lang="en-GB" dirty="0"/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 err="1"/>
              <a:t>fastText</a:t>
            </a:r>
            <a:endParaRPr lang="en-GB" dirty="0"/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 err="1"/>
              <a:t>fastText</a:t>
            </a:r>
            <a:r>
              <a:rPr lang="en-GB" dirty="0"/>
              <a:t> is an improvement of word2vec, that includes sub-word information. 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Looks up </a:t>
            </a:r>
            <a:r>
              <a:rPr lang="en-GB" dirty="0" err="1"/>
              <a:t>subword</a:t>
            </a:r>
            <a:r>
              <a:rPr lang="en-GB" dirty="0"/>
              <a:t> embeddings, averages, and then this is embedding of the word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ERT base uncased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ERT large, higher scores, but at high computational cost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Datasets?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Size impact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Small dataset -&gt; Worse learning, poor evaluation metrics (few samples, more inaccurate)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 err="1"/>
              <a:t>Quaility</a:t>
            </a:r>
            <a:r>
              <a:rPr lang="en-GB" dirty="0"/>
              <a:t> impact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Poor generalizability for poor quality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Common definition of Fake News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False or misleading information presented as news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Obviously, Fake News has a negative impac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Influences public opinion and thus foreign and domestic policies around the world -&gt; most notably Covid-19 vaccinations and US election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702448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Unfeasible to try and manually detect Fake News in the stream of news that takes place across platform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utomatic approach is preferred -&gt; Previous ML studies high </a:t>
            </a:r>
            <a:r>
              <a:rPr lang="en-US" sz="1800" dirty="0" err="1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classif</a:t>
            </a: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hmed et al., (mentioned in synopsis)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92% accuracy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Just using relatively simple model with TF-IDF’s as features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BUT!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253109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BUT! Generalizability? 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We theorized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cross datasets / sources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cross time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Other fields have these problems -&gt; publishing paper with Riccardo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462657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With off-set in the previously mentioned point, the scope of our project was to investigate: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sz="1800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411613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The potential lack of generalizability in the field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Train 2 models on two different datasets and cross-test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24323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The non-</a:t>
            </a:r>
            <a:r>
              <a:rPr lang="en-US" sz="1800" dirty="0" err="1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staticity</a:t>
            </a: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 of news articles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By: Exploring dynamic word embeddings across time periods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223590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gnitive Scienc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gnitive Science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gnitive Science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mil Trenckner Jes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7 Jan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gnitive Science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1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4" Type="http://schemas.openxmlformats.org/officeDocument/2006/relationships/image" Target="../media/image12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3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4" Type="http://schemas.openxmlformats.org/officeDocument/2006/relationships/image" Target="../media/image15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4" Type="http://schemas.openxmlformats.org/officeDocument/2006/relationships/image" Target="../media/image17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9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>
                <a:latin typeface="+mj-lt"/>
              </a:rPr>
              <a:t>Fake News Dete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Dat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61402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at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7BC04C9-F007-48E3-922A-E7BA9B874D3C}"/>
              </a:ext>
            </a:extLst>
          </p:cNvPr>
          <p:cNvSpPr txBox="1"/>
          <p:nvPr/>
        </p:nvSpPr>
        <p:spPr>
          <a:xfrm>
            <a:off x="981844" y="1268760"/>
            <a:ext cx="10081120" cy="1592167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Two datasets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2 (small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99488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at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7BC04C9-F007-48E3-922A-E7BA9B874D3C}"/>
              </a:ext>
            </a:extLst>
          </p:cNvPr>
          <p:cNvSpPr txBox="1"/>
          <p:nvPr/>
        </p:nvSpPr>
        <p:spPr>
          <a:xfrm>
            <a:off x="981844" y="1268760"/>
            <a:ext cx="10081120" cy="380815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Two datasets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2 (small)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eprocessing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Cleaning from manual inspection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Lowercasing, </a:t>
            </a:r>
            <a:r>
              <a:rPr lang="en-US" sz="2400" dirty="0" err="1">
                <a:latin typeface="+mj-lt"/>
              </a:rPr>
              <a:t>stopwords</a:t>
            </a:r>
            <a:r>
              <a:rPr lang="en-US" sz="2400" dirty="0">
                <a:latin typeface="+mj-lt"/>
              </a:rPr>
              <a:t> + special characters, lemmatiz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226183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pPr algn="ctr"/>
            <a:r>
              <a:rPr lang="en-GB" dirty="0"/>
              <a:t>Part 1:</a:t>
            </a:r>
            <a:br>
              <a:rPr lang="en-GB" dirty="0"/>
            </a:br>
            <a:r>
              <a:rPr lang="en-GB" dirty="0"/>
              <a:t>Classific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848515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1: Classificat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5F8CC3B-9AAD-497C-B42E-B65638CEC252}"/>
              </a:ext>
            </a:extLst>
          </p:cNvPr>
          <p:cNvSpPr txBox="1"/>
          <p:nvPr/>
        </p:nvSpPr>
        <p:spPr>
          <a:xfrm>
            <a:off x="1053353" y="1678392"/>
            <a:ext cx="1008112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BERT Base Uncased -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2834256-6C9D-435D-9D9D-900D2B3CDDB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47973" y="1780486"/>
            <a:ext cx="426164" cy="3820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645058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1: Classificat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5F8CC3B-9AAD-497C-B42E-B65638CEC252}"/>
              </a:ext>
            </a:extLst>
          </p:cNvPr>
          <p:cNvSpPr txBox="1"/>
          <p:nvPr/>
        </p:nvSpPr>
        <p:spPr>
          <a:xfrm>
            <a:off x="1053353" y="1678392"/>
            <a:ext cx="1008112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BERT Base Uncased –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2834256-6C9D-435D-9D9D-900D2B3CDDB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47973" y="1780486"/>
            <a:ext cx="426164" cy="382078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76D07ECE-0637-4855-B75A-9D7AC235448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83275" y="3077868"/>
            <a:ext cx="8421275" cy="16385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4450712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pPr algn="ctr"/>
            <a:r>
              <a:rPr lang="en-GB" dirty="0"/>
              <a:t>Part 2:</a:t>
            </a:r>
            <a:br>
              <a:rPr lang="en-GB" dirty="0"/>
            </a:br>
            <a:r>
              <a:rPr lang="en-GB" dirty="0"/>
              <a:t>Dynamic Word Embedding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5814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CA124BD-9C4A-4A01-BBAB-C79A9EF3A518}"/>
              </a:ext>
            </a:extLst>
          </p:cNvPr>
          <p:cNvSpPr txBox="1"/>
          <p:nvPr/>
        </p:nvSpPr>
        <p:spPr>
          <a:xfrm>
            <a:off x="621804" y="1268760"/>
            <a:ext cx="1008112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 -&gt; Split into 5 period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8462647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CA124BD-9C4A-4A01-BBAB-C79A9EF3A518}"/>
              </a:ext>
            </a:extLst>
          </p:cNvPr>
          <p:cNvSpPr txBox="1"/>
          <p:nvPr/>
        </p:nvSpPr>
        <p:spPr>
          <a:xfrm>
            <a:off x="621804" y="1268760"/>
            <a:ext cx="10081120" cy="1592167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 -&gt; Split into 5 periods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Trained </a:t>
            </a:r>
            <a:r>
              <a:rPr lang="en-US" sz="2400" dirty="0" err="1">
                <a:latin typeface="+mj-lt"/>
              </a:rPr>
              <a:t>fastText</a:t>
            </a:r>
            <a:r>
              <a:rPr lang="en-US" sz="2400" dirty="0">
                <a:latin typeface="+mj-lt"/>
              </a:rPr>
              <a:t> </a:t>
            </a:r>
            <a:r>
              <a:rPr lang="en-US" sz="2400" dirty="0" err="1">
                <a:latin typeface="+mj-lt"/>
              </a:rPr>
              <a:t>skipgram</a:t>
            </a:r>
            <a:r>
              <a:rPr lang="en-US" sz="2400" dirty="0">
                <a:latin typeface="+mj-lt"/>
              </a:rPr>
              <a:t> model on each perio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964302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CA124BD-9C4A-4A01-BBAB-C79A9EF3A518}"/>
              </a:ext>
            </a:extLst>
          </p:cNvPr>
          <p:cNvSpPr txBox="1"/>
          <p:nvPr/>
        </p:nvSpPr>
        <p:spPr>
          <a:xfrm>
            <a:off x="621804" y="1268760"/>
            <a:ext cx="10081120" cy="2146165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 -&gt; Split into 5 periods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Trained </a:t>
            </a:r>
            <a:r>
              <a:rPr lang="en-US" sz="2400" dirty="0" err="1">
                <a:latin typeface="+mj-lt"/>
              </a:rPr>
              <a:t>fastText</a:t>
            </a:r>
            <a:r>
              <a:rPr lang="en-US" sz="2400" dirty="0">
                <a:latin typeface="+mj-lt"/>
              </a:rPr>
              <a:t> </a:t>
            </a:r>
            <a:r>
              <a:rPr lang="en-US" sz="2400" dirty="0" err="1">
                <a:latin typeface="+mj-lt"/>
              </a:rPr>
              <a:t>skipgram</a:t>
            </a:r>
            <a:r>
              <a:rPr lang="en-US" sz="2400" dirty="0">
                <a:latin typeface="+mj-lt"/>
              </a:rPr>
              <a:t> model on each period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ord embedding for each word, for each perio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674249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esentatio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C63BD2F-4394-4A4D-A56A-13DAB4E1E22B}"/>
              </a:ext>
            </a:extLst>
          </p:cNvPr>
          <p:cNvSpPr txBox="1"/>
          <p:nvPr/>
        </p:nvSpPr>
        <p:spPr>
          <a:xfrm>
            <a:off x="1485900" y="2132856"/>
            <a:ext cx="5040560" cy="3642985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Relevance of project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Data</a:t>
            </a:r>
            <a:endParaRPr lang="en-US" sz="20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Part 1: Classification</a:t>
            </a:r>
            <a:endParaRPr lang="en-US" sz="20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Part 2: Dynamic Word Embeddings</a:t>
            </a:r>
            <a:endParaRPr lang="en-US" sz="20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Conclusion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i="1" dirty="0">
                <a:solidFill>
                  <a:schemeClr val="bg1">
                    <a:lumMod val="65000"/>
                  </a:schemeClr>
                </a:solidFill>
                <a:latin typeface="AU Passata Light" panose="020B0604020202020204" charset="0"/>
              </a:rPr>
              <a:t>(Expanding on word embeddings)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Questions and discussion</a:t>
            </a:r>
          </a:p>
          <a:p>
            <a:pPr>
              <a:lnSpc>
                <a:spcPct val="150000"/>
              </a:lnSpc>
            </a:pPr>
            <a:endParaRPr lang="en-US" sz="20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CA124BD-9C4A-4A01-BBAB-C79A9EF3A518}"/>
              </a:ext>
            </a:extLst>
          </p:cNvPr>
          <p:cNvSpPr txBox="1"/>
          <p:nvPr/>
        </p:nvSpPr>
        <p:spPr>
          <a:xfrm>
            <a:off x="621804" y="1268760"/>
            <a:ext cx="10081120" cy="3254161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 -&gt; Split into 5 periods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Trained </a:t>
            </a:r>
            <a:r>
              <a:rPr lang="en-US" sz="2400" dirty="0" err="1">
                <a:latin typeface="+mj-lt"/>
              </a:rPr>
              <a:t>fastText</a:t>
            </a:r>
            <a:r>
              <a:rPr lang="en-US" sz="2400" dirty="0">
                <a:latin typeface="+mj-lt"/>
              </a:rPr>
              <a:t> </a:t>
            </a:r>
            <a:r>
              <a:rPr lang="en-US" sz="2400" dirty="0" err="1">
                <a:latin typeface="+mj-lt"/>
              </a:rPr>
              <a:t>skipgram</a:t>
            </a:r>
            <a:r>
              <a:rPr lang="en-US" sz="2400" dirty="0">
                <a:latin typeface="+mj-lt"/>
              </a:rPr>
              <a:t> model on each period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ord embedding for each word, for each period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ound nouns with largest semantic shif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5994484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80942D4-B24C-4F6B-91BD-D89DDC01E3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98014" y="1114102"/>
            <a:ext cx="4991797" cy="46297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9164699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pic>
        <p:nvPicPr>
          <p:cNvPr id="7" name="Picture 6" descr="Diagram&#10;&#10;Description automatically generated">
            <a:extLst>
              <a:ext uri="{FF2B5EF4-FFF2-40B4-BE49-F238E27FC236}">
                <a16:creationId xmlns:a16="http://schemas.microsoft.com/office/drawing/2014/main" id="{46CB2B63-A2C6-43B5-9B03-7840C9D9644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0035" y="1659332"/>
            <a:ext cx="6004117" cy="4346643"/>
          </a:xfrm>
          <a:prstGeom prst="rect">
            <a:avLst/>
          </a:prstGeom>
        </p:spPr>
      </p:pic>
      <p:pic>
        <p:nvPicPr>
          <p:cNvPr id="9" name="Picture 8" descr="Diagram&#10;&#10;Description automatically generated">
            <a:extLst>
              <a:ext uri="{FF2B5EF4-FFF2-40B4-BE49-F238E27FC236}">
                <a16:creationId xmlns:a16="http://schemas.microsoft.com/office/drawing/2014/main" id="{DEEDD602-7550-441C-B0CB-081230749EE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772" y="771377"/>
            <a:ext cx="5917046" cy="5454906"/>
          </a:xfrm>
          <a:prstGeom prst="rect">
            <a:avLst/>
          </a:prstGeom>
        </p:spPr>
      </p:pic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296C5C55-A684-486D-8C7A-60FF3B8A936A}"/>
              </a:ext>
            </a:extLst>
          </p:cNvPr>
          <p:cNvCxnSpPr>
            <a:cxnSpLocks/>
          </p:cNvCxnSpPr>
          <p:nvPr/>
        </p:nvCxnSpPr>
        <p:spPr bwMode="auto">
          <a:xfrm>
            <a:off x="2926060" y="5781629"/>
            <a:ext cx="500" cy="432048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61C24AD0-3927-4EAD-901F-21CB7B9D0E85}"/>
              </a:ext>
            </a:extLst>
          </p:cNvPr>
          <p:cNvCxnSpPr>
            <a:cxnSpLocks/>
          </p:cNvCxnSpPr>
          <p:nvPr/>
        </p:nvCxnSpPr>
        <p:spPr bwMode="auto">
          <a:xfrm>
            <a:off x="2928938" y="6215063"/>
            <a:ext cx="3141097" cy="11220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85B7BF05-509C-4DF3-A65B-8D893256E454}"/>
              </a:ext>
            </a:extLst>
          </p:cNvPr>
          <p:cNvCxnSpPr>
            <a:cxnSpLocks/>
          </p:cNvCxnSpPr>
          <p:nvPr/>
        </p:nvCxnSpPr>
        <p:spPr bwMode="auto">
          <a:xfrm flipV="1">
            <a:off x="6070034" y="1973605"/>
            <a:ext cx="1" cy="4252678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A5229A53-A1E4-470F-B471-344E4CC9F3EC}"/>
              </a:ext>
            </a:extLst>
          </p:cNvPr>
          <p:cNvCxnSpPr>
            <a:cxnSpLocks/>
          </p:cNvCxnSpPr>
          <p:nvPr/>
        </p:nvCxnSpPr>
        <p:spPr bwMode="auto">
          <a:xfrm>
            <a:off x="6070035" y="1973605"/>
            <a:ext cx="2996202" cy="0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87889730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Conclu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3736976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clu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81844" y="1700808"/>
            <a:ext cx="5472608" cy="2700163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Our study suggests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Low generalizability of models in the field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The task is non-static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 is importa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44086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pPr algn="ctr"/>
            <a:r>
              <a:rPr lang="en-GB" dirty="0"/>
              <a:t>Expanding on word embedding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2057427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188094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301157-CAB3-478D-8916-AA1F168823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2663776"/>
            <a:ext cx="3181350" cy="29337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6678140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301157-CAB3-478D-8916-AA1F168823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2663776"/>
            <a:ext cx="3181350" cy="29337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5E4DED7-3EA3-449A-A47C-7A4FDD201B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87836" y="2639037"/>
            <a:ext cx="3876675" cy="31432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4780048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567129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Relevance of projec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4197936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FA64002-0B93-4994-B4EF-2EAD5493425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13892" y="2616151"/>
            <a:ext cx="3000375" cy="298132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2C51D16E-7FDE-43EC-BEF8-28F64E6712F1}"/>
              </a:ext>
            </a:extLst>
          </p:cNvPr>
          <p:cNvSpPr txBox="1"/>
          <p:nvPr/>
        </p:nvSpPr>
        <p:spPr>
          <a:xfrm>
            <a:off x="1509861" y="2033917"/>
            <a:ext cx="3000375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+mj-lt"/>
              </a:rPr>
              <a:t>Time period 1 and 5: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695407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301157-CAB3-478D-8916-AA1F168823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2663776"/>
            <a:ext cx="3181350" cy="29337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5E4DED7-3EA3-449A-A47C-7A4FDD201B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87836" y="2639037"/>
            <a:ext cx="3876675" cy="31432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3A19AF4-8595-4C0A-BBEC-04C723346B78}"/>
              </a:ext>
            </a:extLst>
          </p:cNvPr>
          <p:cNvSpPr txBox="1"/>
          <p:nvPr/>
        </p:nvSpPr>
        <p:spPr>
          <a:xfrm>
            <a:off x="2205980" y="2033917"/>
            <a:ext cx="2304256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+mj-lt"/>
              </a:rPr>
              <a:t>Time period 1: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C63EA32-673D-48DE-BA7A-4AF92950FA58}"/>
              </a:ext>
            </a:extLst>
          </p:cNvPr>
          <p:cNvSpPr txBox="1"/>
          <p:nvPr/>
        </p:nvSpPr>
        <p:spPr>
          <a:xfrm>
            <a:off x="7678589" y="2033917"/>
            <a:ext cx="2304256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+mj-lt"/>
              </a:rPr>
              <a:t>Time period 5: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1941137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273499-1CC5-476F-99E5-7F382CA1733A}"/>
              </a:ext>
            </a:extLst>
          </p:cNvPr>
          <p:cNvSpPr txBox="1"/>
          <p:nvPr/>
        </p:nvSpPr>
        <p:spPr>
          <a:xfrm>
            <a:off x="981844" y="1268760"/>
            <a:ext cx="10081120" cy="491673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ake News misleads</a:t>
            </a: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550378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273499-1CC5-476F-99E5-7F382CA1733A}"/>
              </a:ext>
            </a:extLst>
          </p:cNvPr>
          <p:cNvSpPr txBox="1"/>
          <p:nvPr/>
        </p:nvSpPr>
        <p:spPr>
          <a:xfrm>
            <a:off x="981844" y="1268760"/>
            <a:ext cx="10081120" cy="2032223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ake News misleads</a:t>
            </a:r>
            <a:endParaRPr lang="en-US" sz="18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ML approaches show promising results</a:t>
            </a:r>
          </a:p>
          <a:p>
            <a:pPr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871478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  <a:endParaRPr lang="en-GB" b="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273499-1CC5-476F-99E5-7F382CA1733A}"/>
              </a:ext>
            </a:extLst>
          </p:cNvPr>
          <p:cNvSpPr txBox="1"/>
          <p:nvPr/>
        </p:nvSpPr>
        <p:spPr>
          <a:xfrm>
            <a:off x="981844" y="1268760"/>
            <a:ext cx="10081120" cy="3815660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ake News misleads</a:t>
            </a:r>
            <a:endParaRPr lang="en-US" sz="1800" dirty="0">
              <a:latin typeface="AU Passata Light" panose="020B0604020202020204" charset="0"/>
            </a:endParaRPr>
          </a:p>
          <a:p>
            <a:pPr>
              <a:lnSpc>
                <a:spcPct val="150000"/>
              </a:lnSpc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ML approaches show promising results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BUT! Generalizability?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Across datasets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Across time</a:t>
            </a: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1781924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273499-1CC5-476F-99E5-7F382CA1733A}"/>
              </a:ext>
            </a:extLst>
          </p:cNvPr>
          <p:cNvSpPr txBox="1"/>
          <p:nvPr/>
        </p:nvSpPr>
        <p:spPr>
          <a:xfrm>
            <a:off x="981844" y="1268760"/>
            <a:ext cx="10081120" cy="924227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e wanted to investigate:</a:t>
            </a:r>
          </a:p>
          <a:p>
            <a:pPr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D80CCB6-D319-4274-A82B-E54D60ABAEF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152443"/>
            <a:ext cx="9289032" cy="42868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EF3F7CB-6C31-4968-AD30-AC229FB7447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581128"/>
            <a:ext cx="9289032" cy="7055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0079779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D80CCB6-D319-4274-A82B-E54D60ABAEF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152443"/>
            <a:ext cx="9289032" cy="42868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EF3F7CB-6C31-4968-AD30-AC229FB7447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581128"/>
            <a:ext cx="9289032" cy="705569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797915F-924B-419B-AA58-013408CEA216}"/>
              </a:ext>
            </a:extLst>
          </p:cNvPr>
          <p:cNvSpPr txBox="1"/>
          <p:nvPr/>
        </p:nvSpPr>
        <p:spPr>
          <a:xfrm>
            <a:off x="981844" y="1268760"/>
            <a:ext cx="10081120" cy="1893724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e wanted to investigate:</a:t>
            </a:r>
          </a:p>
          <a:p>
            <a:pPr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  <a:p>
            <a:pPr marL="1066693" lvl="1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potential lack of generalizability in the field</a:t>
            </a:r>
          </a:p>
          <a:p>
            <a:pPr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9743421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273499-1CC5-476F-99E5-7F382CA1733A}"/>
              </a:ext>
            </a:extLst>
          </p:cNvPr>
          <p:cNvSpPr txBox="1"/>
          <p:nvPr/>
        </p:nvSpPr>
        <p:spPr>
          <a:xfrm>
            <a:off x="981844" y="1268760"/>
            <a:ext cx="10081120" cy="3001719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e wanted to investigate:</a:t>
            </a:r>
          </a:p>
          <a:p>
            <a:pPr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  <a:p>
            <a:pPr marL="1066693" lvl="1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potential lack of generalizability in the field</a:t>
            </a:r>
          </a:p>
          <a:p>
            <a:pPr marL="1066693" lvl="1" indent="-457200">
              <a:lnSpc>
                <a:spcPct val="150000"/>
              </a:lnSpc>
              <a:buFont typeface="+mj-lt"/>
              <a:buAutoNum type="arabicPeriod"/>
            </a:pPr>
            <a:endParaRPr lang="en-US" sz="2400" dirty="0">
              <a:latin typeface="+mj-lt"/>
            </a:endParaRPr>
          </a:p>
          <a:p>
            <a:pPr marL="1066693" lvl="1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non-</a:t>
            </a:r>
            <a:r>
              <a:rPr lang="en-US" sz="2400" dirty="0" err="1">
                <a:latin typeface="+mj-lt"/>
              </a:rPr>
              <a:t>staticity</a:t>
            </a:r>
            <a:r>
              <a:rPr lang="en-US" sz="2400" dirty="0">
                <a:latin typeface="+mj-lt"/>
              </a:rPr>
              <a:t> of news articles</a:t>
            </a:r>
          </a:p>
          <a:p>
            <a:pPr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22199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03 AU Lightblue">
      <a:dk1>
        <a:srgbClr val="000000"/>
      </a:dk1>
      <a:lt1>
        <a:srgbClr val="FFFFFF"/>
      </a:lt1>
      <a:dk2>
        <a:srgbClr val="003E5C"/>
      </a:dk2>
      <a:lt2>
        <a:srgbClr val="003E5C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26</Words>
  <Application>Microsoft Office PowerPoint</Application>
  <PresentationFormat>Custom</PresentationFormat>
  <Paragraphs>351</Paragraphs>
  <Slides>32</Slides>
  <Notes>32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43" baseType="lpstr">
      <vt:lpstr>Georgia</vt:lpstr>
      <vt:lpstr>Times New Roman</vt:lpstr>
      <vt:lpstr>SFRM1000</vt:lpstr>
      <vt:lpstr>Arial</vt:lpstr>
      <vt:lpstr>AU Peto</vt:lpstr>
      <vt:lpstr>Calibri</vt:lpstr>
      <vt:lpstr>AU Passata</vt:lpstr>
      <vt:lpstr>Segoe UI Historic</vt:lpstr>
      <vt:lpstr>AU Passata Light</vt:lpstr>
      <vt:lpstr>Wingdings 3</vt:lpstr>
      <vt:lpstr>AU 16:9</vt:lpstr>
      <vt:lpstr>Fake News Detection</vt:lpstr>
      <vt:lpstr>Presentation</vt:lpstr>
      <vt:lpstr>Relevance of project</vt:lpstr>
      <vt:lpstr>Relevance of project</vt:lpstr>
      <vt:lpstr>Relevance of project</vt:lpstr>
      <vt:lpstr>Relevance of project</vt:lpstr>
      <vt:lpstr>Relevance of project</vt:lpstr>
      <vt:lpstr>Relevance of project</vt:lpstr>
      <vt:lpstr>Relevance of project</vt:lpstr>
      <vt:lpstr>Data</vt:lpstr>
      <vt:lpstr>Data</vt:lpstr>
      <vt:lpstr>Data</vt:lpstr>
      <vt:lpstr>Part 1: Classification</vt:lpstr>
      <vt:lpstr>Part 1: Classification</vt:lpstr>
      <vt:lpstr>Part 1: Classification</vt:lpstr>
      <vt:lpstr>Part 2: Dynamic Word Embeddings</vt:lpstr>
      <vt:lpstr>part 2: Dynamic Word Embeddings</vt:lpstr>
      <vt:lpstr>part 2: Dynamic Word Embeddings</vt:lpstr>
      <vt:lpstr>part 2: Dynamic Word Embeddings</vt:lpstr>
      <vt:lpstr>part 2: Dynamic Word Embeddings</vt:lpstr>
      <vt:lpstr>part 2: Dynamic Word Embeddings</vt:lpstr>
      <vt:lpstr>part 2: Dynamic Word Embeddings</vt:lpstr>
      <vt:lpstr>Conclusion</vt:lpstr>
      <vt:lpstr>Conclusion</vt:lpstr>
      <vt:lpstr>Expanding on word embeddings</vt:lpstr>
      <vt:lpstr>Expanding on word embeddings</vt:lpstr>
      <vt:lpstr>Expanding on word embeddings</vt:lpstr>
      <vt:lpstr>Expanding on word embeddings</vt:lpstr>
      <vt:lpstr>Expanding on word embeddings</vt:lpstr>
      <vt:lpstr>Expanding on word embeddings</vt:lpstr>
      <vt:lpstr>Expanding on word embedding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1-21T12:04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78022468279989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